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681\AppData\Local\Microsoft\Windows\INetCache\Content.Outlook\W5MGKME7\"/>
    </mc:Choice>
  </mc:AlternateContent>
  <bookViews>
    <workbookView xWindow="0" yWindow="0" windowWidth="22695" windowHeight="12030" activeTab="2"/>
  </bookViews>
  <sheets>
    <sheet name="Krigsvetenskaplig inriktning" sheetId="1" r:id="rId1"/>
    <sheet name="Nautisk inriktning" sheetId="5" r:id="rId2"/>
    <sheet name="Militärteknisk inriktning" sheetId="4" r:id="rId3"/>
  </sheets>
  <definedNames>
    <definedName name="_xlnm._FilterDatabase" localSheetId="0" hidden="1">'Krigsvetenskaplig inriktning'!$E$1:$E$47</definedName>
    <definedName name="_xlnm._FilterDatabase" localSheetId="2" hidden="1">'Militärteknisk inriktning'!$A$1:$F$32</definedName>
    <definedName name="_xlnm._FilterDatabase" localSheetId="1" hidden="1">'Nautisk inriktning'!$E$1:$E$2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16" uniqueCount="182">
  <si>
    <t>Krigsvetenskaplig inriktning</t>
  </si>
  <si>
    <t>Termin 1</t>
  </si>
  <si>
    <t>1OP480</t>
  </si>
  <si>
    <t>Grundkurs introduktion till krigsvetenskap</t>
  </si>
  <si>
    <t>1OP401</t>
  </si>
  <si>
    <t>Grundkurs krigsvetenskap marktaktik teori</t>
  </si>
  <si>
    <t>1OP402</t>
  </si>
  <si>
    <t>Grundkurs krigsvetenskap marintaktik teori</t>
  </si>
  <si>
    <t>1OP403</t>
  </si>
  <si>
    <t>Grundkurs krigsvetenskap lufttaktik teori</t>
  </si>
  <si>
    <t>1OP484</t>
  </si>
  <si>
    <t>Grundkurs ledarskap 1</t>
  </si>
  <si>
    <t>1OP489</t>
  </si>
  <si>
    <t>Grundkurs militärteknik för Officersprogrammet</t>
  </si>
  <si>
    <t>Termin 2</t>
  </si>
  <si>
    <t>HL1903</t>
  </si>
  <si>
    <t>Fysiskt stridsvärde</t>
  </si>
  <si>
    <t>1OP486</t>
  </si>
  <si>
    <t>Grundkurs ledarskap 2</t>
  </si>
  <si>
    <t>1OP483</t>
  </si>
  <si>
    <t>Grundkurs krigsvetenskap översiktskurs militärstrategi</t>
  </si>
  <si>
    <t>Termin 3</t>
  </si>
  <si>
    <t>1OP492</t>
  </si>
  <si>
    <t>Grundkurs krigsvetenskap marktaktik tillämpning</t>
  </si>
  <si>
    <t>1OP493</t>
  </si>
  <si>
    <t>Grundkurs krigsvetenskap marintaktik tillämpning</t>
  </si>
  <si>
    <t>1OP491</t>
  </si>
  <si>
    <t>Grundkurs krigsvetenskap lufttaktik tillämpning</t>
  </si>
  <si>
    <t>1OP490</t>
  </si>
  <si>
    <t>Fortsättningskurs krigsvetenskap metod</t>
  </si>
  <si>
    <t>1OP474</t>
  </si>
  <si>
    <t>Fortsättningskurs krigsvetenskap irreguljär krigföring</t>
  </si>
  <si>
    <t>1OP410</t>
  </si>
  <si>
    <t>Fortsättningskurs krigsvetenskap uppsats</t>
  </si>
  <si>
    <t>1OP411</t>
  </si>
  <si>
    <t>Fortsättningskurs krigsvetenskap marktaktik tillämpning</t>
  </si>
  <si>
    <t>1OP412</t>
  </si>
  <si>
    <t>Fortsättningskurs krigsvetenskap marintaktik tillämpning</t>
  </si>
  <si>
    <t>1OP413</t>
  </si>
  <si>
    <t>Fortsättningskurs krigsvetenskap lufttaktik tillämpning</t>
  </si>
  <si>
    <t>VFU</t>
  </si>
  <si>
    <t>CBRN, Fältarbete, Försörjning, Indirekt bekämpning,
Ledningssystem, Luftvärn, Säkerhetstjänst</t>
  </si>
  <si>
    <t>1OP475</t>
  </si>
  <si>
    <t>1OP422</t>
  </si>
  <si>
    <t>Fortsättningskurs militärteknik. Förutsättningar för
verksamhet med skarp ammunition</t>
  </si>
  <si>
    <t>Fortsättningskurs militärteknik. Tekniska systems
militära tillämpning för krigsvetenskaplig inriktning</t>
  </si>
  <si>
    <t>1OP487</t>
  </si>
  <si>
    <t>Fortsättningskurs ledarskap i utbildning och truppföring</t>
  </si>
  <si>
    <t>1OP464</t>
  </si>
  <si>
    <t>Fortsättningskurs krigsvetenskap. Funktionstaktik.</t>
  </si>
  <si>
    <t>1OP461</t>
  </si>
  <si>
    <t>Fortsättningskurs krigsvetenskap. Ledning funktionspluton</t>
  </si>
  <si>
    <t>Amfibie</t>
  </si>
  <si>
    <t>1OP459</t>
  </si>
  <si>
    <t>Fortsättningskurs krigsvetenskap. Amfibietaktik.</t>
  </si>
  <si>
    <t>1OP460</t>
  </si>
  <si>
    <t>Fortsättningskurs krigsvetenskap. Ledning
amfibieskyttepluton.</t>
  </si>
  <si>
    <t>Markstrid</t>
  </si>
  <si>
    <t>1OP462</t>
  </si>
  <si>
    <t>Fortsättningskurs krigsvetenskap. Taktik.</t>
  </si>
  <si>
    <t>1OP463</t>
  </si>
  <si>
    <t>Fortsättningskurs krigsvetenskap. Ledning skyttepluton.</t>
  </si>
  <si>
    <t>Luftbevakning</t>
  </si>
  <si>
    <t>1OP469</t>
  </si>
  <si>
    <t>Fortsättningskurs militärteknik. Luftbevakning för
stridsledningscentraloperatören.</t>
  </si>
  <si>
    <t>1OP494</t>
  </si>
  <si>
    <t>Fortsättningskurs militärteknik. Teknik för luftbevakning.</t>
  </si>
  <si>
    <t>1OP428</t>
  </si>
  <si>
    <t>Fortsättningskurs krigsvetenskap. Grunder
luftbevakning och identifiering.</t>
  </si>
  <si>
    <t>1OP431</t>
  </si>
  <si>
    <t>Fortsättningskurs krigsvetenskap. Luftbevakning taktik.</t>
  </si>
  <si>
    <t>1OP429</t>
  </si>
  <si>
    <t>Fortsättningskurs krigsvetenskap. Luftbevakning
förbandsträning.</t>
  </si>
  <si>
    <t>1OP457</t>
  </si>
  <si>
    <t>Fortsättningskurs. Ledarskap i Strilsystemet</t>
  </si>
  <si>
    <t>Termin 6</t>
  </si>
  <si>
    <t>1OP458</t>
  </si>
  <si>
    <t>1OP415</t>
  </si>
  <si>
    <t>Påbyggnadskurs krigsvetenskap, analysinriktningar.</t>
  </si>
  <si>
    <t>1OP478</t>
  </si>
  <si>
    <t>Påbyggnadskurs krigsvetenskap.
Taktik tillämpning, syntes</t>
  </si>
  <si>
    <t>Påbyggnadskurs krigsvetenskap, självständigt arbete</t>
  </si>
  <si>
    <t>Nautisk inriktning</t>
  </si>
  <si>
    <t>Nautik</t>
  </si>
  <si>
    <t>Meteorologi och oceanografi</t>
  </si>
  <si>
    <t>Maritim kommunikation inklusive GOC</t>
  </si>
  <si>
    <t>Terrester navigation och nautiska instrument</t>
  </si>
  <si>
    <t>Radar, ARPA och sjövägsregler</t>
  </si>
  <si>
    <t>Astronomisk navigation, tidvatten och distansberäkningar</t>
  </si>
  <si>
    <t>Bryggrutiner för Försvarshögskolan</t>
  </si>
  <si>
    <t>1OP471</t>
  </si>
  <si>
    <t>Grundkurs militärteknik. Naturvetenskapliga och
fysikaliska grunder.</t>
  </si>
  <si>
    <t>1OP488</t>
  </si>
  <si>
    <t>Fortsättningskurs militärteknik farkosten som
militära system.</t>
  </si>
  <si>
    <t>1OP473</t>
  </si>
  <si>
    <t>Fortsättningskurs militärteknik metod</t>
  </si>
  <si>
    <t>1OP481</t>
  </si>
  <si>
    <t>Fortsättningskurs militärteknik projektarbete</t>
  </si>
  <si>
    <t>FMTS</t>
  </si>
  <si>
    <t>1OP476</t>
  </si>
  <si>
    <t>Fortsättningskurs militärteknik. Tekniska systems
militära tillämpning för militärteknisk inriktning</t>
  </si>
  <si>
    <t>1OP477</t>
  </si>
  <si>
    <t>Fortsättningskurs militärteknik teknisk tillgänglighet</t>
  </si>
  <si>
    <t>CBRN, Fältarbete, Indirekt bekämpning, Ledningssystem, Luftvärn</t>
  </si>
  <si>
    <t>1OP495</t>
  </si>
  <si>
    <t>Fortsättningskurs försvarssystem. Ledning funktionspluton</t>
  </si>
  <si>
    <t>1OP443</t>
  </si>
  <si>
    <t>Påbyggnadskurs militärteknik militära operationer och tekniska system</t>
  </si>
  <si>
    <t>1OP482</t>
  </si>
  <si>
    <t>Påbyggnadskurs militärteknik, självständigt arbete</t>
  </si>
  <si>
    <t>1OP445</t>
  </si>
  <si>
    <t>Påbyggnadskurs militärteknik, militärteknisk tillämpning, syntes</t>
  </si>
  <si>
    <t>hp</t>
  </si>
  <si>
    <t>1OP465</t>
  </si>
  <si>
    <t>Fortsättningskurs krigsvetenskap marin ledning</t>
  </si>
  <si>
    <t>Fortsättningskurs ledarskap för nautisk inriktning</t>
  </si>
  <si>
    <t>Lnu</t>
  </si>
  <si>
    <t>Termin
4-5</t>
  </si>
  <si>
    <t xml:space="preserve">Grundkurs militärteknik för Officersprogrammet
</t>
  </si>
  <si>
    <t>1OP448</t>
  </si>
  <si>
    <t>Militärteknisk inriktning</t>
  </si>
  <si>
    <t>1OL002</t>
  </si>
  <si>
    <t>Det kommer vara samma då detta är en KTH kurs</t>
  </si>
  <si>
    <t>1OP498</t>
  </si>
  <si>
    <t>1OL003</t>
  </si>
  <si>
    <t>1OP497</t>
  </si>
  <si>
    <t>Detta kommer vara samma då detta är en LNU kurs</t>
  </si>
  <si>
    <t>1OP496</t>
  </si>
  <si>
    <t>1OK017</t>
  </si>
  <si>
    <t>1OK023</t>
  </si>
  <si>
    <t>1OK021</t>
  </si>
  <si>
    <t>1OK019</t>
  </si>
  <si>
    <t>1OK018</t>
  </si>
  <si>
    <t>1OK016</t>
  </si>
  <si>
    <t>1OK014</t>
  </si>
  <si>
    <t>1OK020</t>
  </si>
  <si>
    <t>1OK024</t>
  </si>
  <si>
    <t>1OK022</t>
  </si>
  <si>
    <t>1OK001</t>
  </si>
  <si>
    <t>1OK026</t>
  </si>
  <si>
    <t>1OK027</t>
  </si>
  <si>
    <t>1OK025</t>
  </si>
  <si>
    <t>1OK013</t>
  </si>
  <si>
    <t>1OK012</t>
  </si>
  <si>
    <t>1OK010</t>
  </si>
  <si>
    <t>1OK003</t>
  </si>
  <si>
    <t>1OK002</t>
  </si>
  <si>
    <t>1OK015</t>
  </si>
  <si>
    <t>1OK005</t>
  </si>
  <si>
    <t>1OK006</t>
  </si>
  <si>
    <t>1OK007</t>
  </si>
  <si>
    <t>1OK004</t>
  </si>
  <si>
    <t>1OK009</t>
  </si>
  <si>
    <t>1OK008</t>
  </si>
  <si>
    <t>1OK011</t>
  </si>
  <si>
    <t>1OF001</t>
  </si>
  <si>
    <t>1OF003</t>
  </si>
  <si>
    <t>1OF004</t>
  </si>
  <si>
    <t>1OF006</t>
  </si>
  <si>
    <t>1OF007</t>
  </si>
  <si>
    <t>1OF008</t>
  </si>
  <si>
    <t>1OF009</t>
  </si>
  <si>
    <t>1OF010</t>
  </si>
  <si>
    <t>1OF011</t>
  </si>
  <si>
    <t>1OF013</t>
  </si>
  <si>
    <t>1OF014</t>
  </si>
  <si>
    <t>1OF015</t>
  </si>
  <si>
    <t>Kommentar</t>
  </si>
  <si>
    <t>OP 21-24 VT22</t>
  </si>
  <si>
    <t>OP 21-24 HT22</t>
  </si>
  <si>
    <t>OP20-23 VT-HT22
OP 21-24 VT-HT23</t>
  </si>
  <si>
    <t xml:space="preserve">OP 19-22 VT22
OP 20-23 VT23
OP 21-24 VT24       </t>
  </si>
  <si>
    <t xml:space="preserve">OP 19-22 VT22
OP 20-23 VT23
OP 21-24 VT24     </t>
  </si>
  <si>
    <t>Samtliga innevarande kullar har läst enligt kurskoder enligt kolumn B</t>
  </si>
  <si>
    <t>Kurskod i FHS nya organisation från 1 jan 2022 (innevarande kullar)</t>
  </si>
  <si>
    <t>Från den 1 januari 2022 inrättas en ny organisation vid Försvarshögskolan. Detta innebär att samtliga kurser kommer att få en ny organisationstillhörighet, vilket innebär att samtliga kursplaner får en ny kurskod.
Vilken kurskod din kurs har från VT22, framgår av kolumn "E"</t>
  </si>
  <si>
    <t xml:space="preserve">OP HT21-24 HT22
</t>
  </si>
  <si>
    <t>Viss ändring i lärandemål</t>
  </si>
  <si>
    <t xml:space="preserve">OP 19-22 VT22
OP 20-23 VT23
OP 21-24 VT24        
</t>
  </si>
  <si>
    <t>Gäller för kull/kullar:</t>
  </si>
  <si>
    <t>1OF012</t>
  </si>
  <si>
    <t>1OF00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 x14ac:knownFonts="1">
    <font>
      <sz val="11"/>
      <color theme="1"/>
      <name val="Calibri"/>
      <family val="2"/>
      <scheme val="minor"/>
    </font>
    <font>
      <sz val="11"/>
      <name val="Calibri"/>
      <family val="2"/>
      <scheme val="minor"/>
    </font>
    <font>
      <b/>
      <sz val="14"/>
      <name val="Calibri"/>
      <family val="2"/>
      <scheme val="minor"/>
    </font>
  </fonts>
  <fills count="6">
    <fill>
      <patternFill patternType="none"/>
    </fill>
    <fill>
      <patternFill patternType="gray125"/>
    </fill>
    <fill>
      <patternFill patternType="solid">
        <fgColor theme="0" tint="-0.14999847407452621"/>
        <bgColor indexed="64"/>
      </patternFill>
    </fill>
    <fill>
      <patternFill patternType="solid">
        <fgColor theme="0" tint="-0.34998626667073579"/>
        <bgColor indexed="64"/>
      </patternFill>
    </fill>
    <fill>
      <patternFill patternType="solid">
        <fgColor theme="7" tint="0.79998168889431442"/>
        <bgColor indexed="64"/>
      </patternFill>
    </fill>
    <fill>
      <patternFill patternType="solid">
        <fgColor theme="2" tint="-9.9978637043366805E-2"/>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s>
  <cellStyleXfs count="1">
    <xf numFmtId="0" fontId="0" fillId="0" borderId="0"/>
  </cellStyleXfs>
  <cellXfs count="42">
    <xf numFmtId="0" fontId="0" fillId="0" borderId="0" xfId="0"/>
    <xf numFmtId="0" fontId="1" fillId="0" borderId="0" xfId="0" applyFont="1" applyFill="1" applyAlignment="1">
      <alignment vertical="top"/>
    </xf>
    <xf numFmtId="0" fontId="1" fillId="0" borderId="0" xfId="0" applyFont="1" applyAlignment="1">
      <alignment vertical="top"/>
    </xf>
    <xf numFmtId="0" fontId="1" fillId="0" borderId="0" xfId="0" applyFont="1" applyFill="1" applyAlignment="1">
      <alignment vertical="top" wrapText="1"/>
    </xf>
    <xf numFmtId="0" fontId="0" fillId="0" borderId="1" xfId="0" applyBorder="1"/>
    <xf numFmtId="0" fontId="0" fillId="0" borderId="1" xfId="0" applyFill="1" applyBorder="1"/>
    <xf numFmtId="0" fontId="1" fillId="0" borderId="3" xfId="0" applyFont="1" applyBorder="1" applyAlignment="1">
      <alignment vertical="top"/>
    </xf>
    <xf numFmtId="0" fontId="2" fillId="0" borderId="4" xfId="0" applyFont="1" applyBorder="1" applyAlignment="1">
      <alignment vertical="top"/>
    </xf>
    <xf numFmtId="0" fontId="1" fillId="0" borderId="4" xfId="0" applyFont="1" applyBorder="1" applyAlignment="1">
      <alignment vertical="top"/>
    </xf>
    <xf numFmtId="0" fontId="1" fillId="0" borderId="5" xfId="0" applyFont="1" applyBorder="1" applyAlignment="1">
      <alignment vertical="top"/>
    </xf>
    <xf numFmtId="0" fontId="1" fillId="3" borderId="1" xfId="0" applyFont="1" applyFill="1" applyBorder="1" applyAlignment="1">
      <alignment vertical="top"/>
    </xf>
    <xf numFmtId="0" fontId="1" fillId="0" borderId="1" xfId="0" applyFont="1" applyBorder="1" applyAlignment="1">
      <alignment vertical="top"/>
    </xf>
    <xf numFmtId="0" fontId="1" fillId="0" borderId="1" xfId="0" applyFont="1" applyFill="1" applyBorder="1" applyAlignment="1">
      <alignment vertical="top" wrapText="1"/>
    </xf>
    <xf numFmtId="0" fontId="1" fillId="0" borderId="1" xfId="0" applyFont="1" applyFill="1" applyBorder="1" applyAlignment="1">
      <alignment vertical="top"/>
    </xf>
    <xf numFmtId="0" fontId="1" fillId="0" borderId="1" xfId="0" applyFont="1" applyBorder="1" applyAlignment="1">
      <alignment vertical="top" wrapText="1"/>
    </xf>
    <xf numFmtId="0" fontId="1" fillId="3" borderId="1" xfId="0" applyFont="1" applyFill="1" applyBorder="1" applyAlignment="1">
      <alignment vertical="top" wrapText="1"/>
    </xf>
    <xf numFmtId="0" fontId="1" fillId="2" borderId="1" xfId="0" applyFont="1" applyFill="1" applyBorder="1" applyAlignment="1">
      <alignment vertical="top"/>
    </xf>
    <xf numFmtId="0" fontId="1" fillId="2" borderId="1" xfId="0" applyFont="1" applyFill="1" applyBorder="1" applyAlignment="1">
      <alignment vertical="top" wrapText="1"/>
    </xf>
    <xf numFmtId="0" fontId="1" fillId="0" borderId="1" xfId="0" applyFont="1" applyBorder="1"/>
    <xf numFmtId="0" fontId="1" fillId="0" borderId="4" xfId="0" applyFont="1" applyBorder="1" applyAlignment="1">
      <alignment vertical="top" wrapText="1"/>
    </xf>
    <xf numFmtId="0" fontId="1" fillId="4" borderId="1" xfId="0" applyFont="1" applyFill="1" applyBorder="1" applyAlignment="1">
      <alignment vertical="top"/>
    </xf>
    <xf numFmtId="0" fontId="1" fillId="4" borderId="1" xfId="0" applyFont="1" applyFill="1" applyBorder="1" applyAlignment="1">
      <alignment vertical="top" wrapText="1"/>
    </xf>
    <xf numFmtId="0" fontId="0" fillId="4" borderId="1" xfId="0" applyFill="1" applyBorder="1"/>
    <xf numFmtId="0" fontId="1" fillId="0" borderId="0" xfId="0" applyFont="1" applyAlignment="1">
      <alignment vertical="top" wrapText="1"/>
    </xf>
    <xf numFmtId="0" fontId="1" fillId="0" borderId="2" xfId="0" applyFont="1" applyBorder="1" applyAlignment="1">
      <alignment vertical="top"/>
    </xf>
    <xf numFmtId="0" fontId="1" fillId="0" borderId="2" xfId="0" applyFont="1" applyBorder="1" applyAlignment="1">
      <alignment vertical="top" wrapText="1"/>
    </xf>
    <xf numFmtId="0" fontId="1" fillId="4" borderId="2" xfId="0" applyFont="1" applyFill="1" applyBorder="1" applyAlignment="1">
      <alignment vertical="top"/>
    </xf>
    <xf numFmtId="0" fontId="1" fillId="4" borderId="2" xfId="0" applyFont="1" applyFill="1" applyBorder="1" applyAlignment="1">
      <alignment vertical="top" wrapText="1"/>
    </xf>
    <xf numFmtId="0" fontId="1" fillId="2" borderId="2" xfId="0" applyFont="1" applyFill="1" applyBorder="1" applyAlignment="1">
      <alignment vertical="top" wrapText="1"/>
    </xf>
    <xf numFmtId="0" fontId="1" fillId="5" borderId="1" xfId="0" applyFont="1" applyFill="1" applyBorder="1" applyAlignment="1">
      <alignment vertical="top"/>
    </xf>
    <xf numFmtId="0" fontId="1" fillId="5" borderId="2" xfId="0" applyFont="1" applyFill="1" applyBorder="1" applyAlignment="1">
      <alignment vertical="top" wrapText="1"/>
    </xf>
    <xf numFmtId="0" fontId="0" fillId="0" borderId="2" xfId="0" applyBorder="1" applyProtection="1">
      <protection locked="0"/>
    </xf>
    <xf numFmtId="0" fontId="0" fillId="0" borderId="2" xfId="0" applyFill="1" applyBorder="1"/>
    <xf numFmtId="0" fontId="0" fillId="4" borderId="2" xfId="0" applyFill="1" applyBorder="1"/>
    <xf numFmtId="0" fontId="1" fillId="2" borderId="2" xfId="0" applyFont="1" applyFill="1" applyBorder="1" applyAlignment="1">
      <alignment vertical="top"/>
    </xf>
    <xf numFmtId="0" fontId="1" fillId="0" borderId="2" xfId="0" applyFont="1" applyBorder="1"/>
    <xf numFmtId="0" fontId="0" fillId="2" borderId="2" xfId="0" applyFill="1" applyBorder="1"/>
    <xf numFmtId="0" fontId="0" fillId="0" borderId="1" xfId="0" applyBorder="1" applyProtection="1">
      <protection locked="0"/>
    </xf>
    <xf numFmtId="0" fontId="1" fillId="0" borderId="2" xfId="0" applyFont="1" applyFill="1" applyBorder="1" applyAlignment="1">
      <alignment vertical="top"/>
    </xf>
    <xf numFmtId="0" fontId="1" fillId="0" borderId="2" xfId="0" applyFont="1" applyFill="1" applyBorder="1" applyAlignment="1">
      <alignment vertical="top" wrapText="1"/>
    </xf>
    <xf numFmtId="0" fontId="1" fillId="0" borderId="0" xfId="0" applyFont="1" applyFill="1" applyAlignment="1">
      <alignment horizontal="left" vertical="center" wrapText="1"/>
    </xf>
    <xf numFmtId="0" fontId="0" fillId="0" borderId="2" xfId="0" applyFill="1" applyBorder="1" applyProtection="1">
      <protection locked="0"/>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tema">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47"/>
  <sheetViews>
    <sheetView zoomScale="110" zoomScaleNormal="110" workbookViewId="0">
      <pane xSplit="4" ySplit="1" topLeftCell="F11" activePane="bottomRight" state="frozen"/>
      <selection pane="topRight" activeCell="E1" sqref="E1"/>
      <selection pane="bottomLeft" activeCell="A2" sqref="A2"/>
      <selection pane="bottomRight" activeCell="F1" sqref="F1"/>
    </sheetView>
  </sheetViews>
  <sheetFormatPr defaultColWidth="9.140625" defaultRowHeight="15" x14ac:dyDescent="0.25"/>
  <cols>
    <col min="1" max="2" width="9.140625" style="2"/>
    <col min="3" max="3" width="52.5703125" style="2" bestFit="1" customWidth="1"/>
    <col min="4" max="4" width="9.140625" style="2"/>
    <col min="5" max="5" width="40.140625" style="2" customWidth="1"/>
    <col min="6" max="6" width="50.140625" style="1" customWidth="1"/>
    <col min="7" max="22" width="9.140625" style="1"/>
    <col min="23" max="16384" width="9.140625" style="2"/>
  </cols>
  <sheetData>
    <row r="1" spans="1:14" ht="30" x14ac:dyDescent="0.25">
      <c r="A1" s="6"/>
      <c r="B1" s="7" t="s">
        <v>0</v>
      </c>
      <c r="C1" s="8"/>
      <c r="D1" s="11" t="s">
        <v>112</v>
      </c>
      <c r="E1" s="14" t="s">
        <v>174</v>
      </c>
      <c r="F1" s="13" t="s">
        <v>179</v>
      </c>
    </row>
    <row r="2" spans="1:14" ht="91.15" customHeight="1" x14ac:dyDescent="0.25">
      <c r="A2" s="10" t="s">
        <v>1</v>
      </c>
      <c r="B2" s="11" t="s">
        <v>2</v>
      </c>
      <c r="C2" s="24" t="s">
        <v>3</v>
      </c>
      <c r="D2" s="11">
        <v>7.5</v>
      </c>
      <c r="E2" s="4" t="s">
        <v>128</v>
      </c>
      <c r="F2" s="17" t="s">
        <v>173</v>
      </c>
      <c r="H2" s="40" t="s">
        <v>175</v>
      </c>
      <c r="I2" s="40"/>
      <c r="J2" s="40"/>
      <c r="K2" s="40"/>
      <c r="L2" s="40"/>
      <c r="M2" s="40"/>
      <c r="N2" s="40"/>
    </row>
    <row r="3" spans="1:14" ht="30" x14ac:dyDescent="0.25">
      <c r="A3" s="11"/>
      <c r="B3" s="11" t="s">
        <v>4</v>
      </c>
      <c r="C3" s="24" t="s">
        <v>5</v>
      </c>
      <c r="D3" s="11">
        <v>7.5</v>
      </c>
      <c r="E3" s="5" t="s">
        <v>129</v>
      </c>
      <c r="F3" s="17" t="s">
        <v>173</v>
      </c>
    </row>
    <row r="4" spans="1:14" ht="30" x14ac:dyDescent="0.25">
      <c r="A4" s="11"/>
      <c r="B4" s="11" t="s">
        <v>6</v>
      </c>
      <c r="C4" s="24" t="s">
        <v>7</v>
      </c>
      <c r="D4" s="11">
        <v>7.5</v>
      </c>
      <c r="E4" s="11" t="s">
        <v>130</v>
      </c>
      <c r="F4" s="17" t="s">
        <v>173</v>
      </c>
    </row>
    <row r="5" spans="1:14" ht="30" x14ac:dyDescent="0.25">
      <c r="A5" s="11"/>
      <c r="B5" s="11" t="s">
        <v>8</v>
      </c>
      <c r="C5" s="24" t="s">
        <v>9</v>
      </c>
      <c r="D5" s="11">
        <v>7.5</v>
      </c>
      <c r="E5" s="5" t="s">
        <v>131</v>
      </c>
      <c r="F5" s="17" t="s">
        <v>173</v>
      </c>
    </row>
    <row r="6" spans="1:14" ht="30" x14ac:dyDescent="0.25">
      <c r="A6" s="11"/>
      <c r="B6" s="11" t="s">
        <v>10</v>
      </c>
      <c r="C6" s="24" t="s">
        <v>11</v>
      </c>
      <c r="D6" s="11">
        <v>7.5</v>
      </c>
      <c r="E6" s="11" t="s">
        <v>121</v>
      </c>
      <c r="F6" s="17" t="s">
        <v>173</v>
      </c>
    </row>
    <row r="7" spans="1:14" ht="30" x14ac:dyDescent="0.25">
      <c r="A7" s="11"/>
      <c r="B7" s="11" t="s">
        <v>12</v>
      </c>
      <c r="C7" s="25" t="s">
        <v>118</v>
      </c>
      <c r="D7" s="11">
        <v>15</v>
      </c>
      <c r="E7" s="37" t="s">
        <v>164</v>
      </c>
      <c r="F7" s="17" t="s">
        <v>173</v>
      </c>
    </row>
    <row r="8" spans="1:14" ht="30" x14ac:dyDescent="0.25">
      <c r="A8" s="10" t="s">
        <v>14</v>
      </c>
      <c r="B8" s="20" t="s">
        <v>15</v>
      </c>
      <c r="C8" s="26" t="s">
        <v>16</v>
      </c>
      <c r="D8" s="20">
        <v>7.5</v>
      </c>
      <c r="E8" s="21" t="s">
        <v>122</v>
      </c>
      <c r="F8" s="20" t="s">
        <v>168</v>
      </c>
    </row>
    <row r="9" spans="1:14" x14ac:dyDescent="0.25">
      <c r="A9" s="11"/>
      <c r="B9" s="20" t="s">
        <v>17</v>
      </c>
      <c r="C9" s="26" t="s">
        <v>18</v>
      </c>
      <c r="D9" s="20">
        <v>7.5</v>
      </c>
      <c r="E9" s="22" t="s">
        <v>123</v>
      </c>
      <c r="F9" s="20" t="s">
        <v>168</v>
      </c>
    </row>
    <row r="10" spans="1:14" x14ac:dyDescent="0.25">
      <c r="A10" s="11"/>
      <c r="B10" s="20" t="s">
        <v>19</v>
      </c>
      <c r="C10" s="26" t="s">
        <v>20</v>
      </c>
      <c r="D10" s="20">
        <v>7.5</v>
      </c>
      <c r="E10" s="20" t="s">
        <v>132</v>
      </c>
      <c r="F10" s="20" t="s">
        <v>168</v>
      </c>
    </row>
    <row r="11" spans="1:14" x14ac:dyDescent="0.25">
      <c r="A11" s="10" t="s">
        <v>21</v>
      </c>
      <c r="B11" s="11" t="s">
        <v>26</v>
      </c>
      <c r="C11" s="24" t="s">
        <v>27</v>
      </c>
      <c r="D11" s="11">
        <v>7.5</v>
      </c>
      <c r="E11" s="5" t="s">
        <v>135</v>
      </c>
      <c r="F11" s="13" t="s">
        <v>169</v>
      </c>
    </row>
    <row r="12" spans="1:14" x14ac:dyDescent="0.25">
      <c r="A12" s="11"/>
      <c r="B12" s="11" t="s">
        <v>22</v>
      </c>
      <c r="C12" s="24" t="s">
        <v>23</v>
      </c>
      <c r="D12" s="11">
        <v>7.5</v>
      </c>
      <c r="E12" s="5" t="s">
        <v>136</v>
      </c>
      <c r="F12" s="13" t="s">
        <v>169</v>
      </c>
    </row>
    <row r="13" spans="1:14" x14ac:dyDescent="0.25">
      <c r="A13" s="11"/>
      <c r="B13" s="11" t="s">
        <v>24</v>
      </c>
      <c r="C13" s="24" t="s">
        <v>25</v>
      </c>
      <c r="D13" s="11">
        <v>7.5</v>
      </c>
      <c r="E13" s="11" t="s">
        <v>137</v>
      </c>
      <c r="F13" s="13" t="s">
        <v>169</v>
      </c>
    </row>
    <row r="14" spans="1:14" x14ac:dyDescent="0.25">
      <c r="A14" s="11"/>
      <c r="B14" s="11" t="s">
        <v>28</v>
      </c>
      <c r="C14" s="24" t="s">
        <v>29</v>
      </c>
      <c r="D14" s="11">
        <v>7.5</v>
      </c>
      <c r="E14" s="4" t="s">
        <v>134</v>
      </c>
      <c r="F14" s="13" t="s">
        <v>169</v>
      </c>
    </row>
    <row r="15" spans="1:14" x14ac:dyDescent="0.25">
      <c r="A15" s="11"/>
      <c r="B15" s="11" t="s">
        <v>30</v>
      </c>
      <c r="C15" s="24" t="s">
        <v>31</v>
      </c>
      <c r="D15" s="11">
        <v>7.5</v>
      </c>
      <c r="E15" s="4" t="s">
        <v>138</v>
      </c>
      <c r="F15" s="13" t="s">
        <v>169</v>
      </c>
    </row>
    <row r="16" spans="1:14" x14ac:dyDescent="0.25">
      <c r="A16" s="11"/>
      <c r="B16" s="11" t="s">
        <v>32</v>
      </c>
      <c r="C16" s="24" t="s">
        <v>33</v>
      </c>
      <c r="D16" s="11">
        <v>7.5</v>
      </c>
      <c r="E16" s="4" t="s">
        <v>133</v>
      </c>
      <c r="F16" s="13" t="s">
        <v>169</v>
      </c>
    </row>
    <row r="17" spans="1:21" ht="30" x14ac:dyDescent="0.25">
      <c r="A17" s="15" t="s">
        <v>117</v>
      </c>
      <c r="B17" s="20" t="s">
        <v>34</v>
      </c>
      <c r="C17" s="26" t="s">
        <v>35</v>
      </c>
      <c r="D17" s="20">
        <v>7.5</v>
      </c>
      <c r="E17" s="20" t="s">
        <v>142</v>
      </c>
      <c r="F17" s="21" t="s">
        <v>170</v>
      </c>
      <c r="G17" s="3"/>
      <c r="I17" s="3"/>
      <c r="K17" s="3"/>
      <c r="M17" s="3"/>
      <c r="O17" s="3"/>
      <c r="Q17" s="3"/>
      <c r="S17" s="3"/>
      <c r="U17" s="3"/>
    </row>
    <row r="18" spans="1:21" ht="30" x14ac:dyDescent="0.25">
      <c r="A18" s="11"/>
      <c r="B18" s="20" t="s">
        <v>36</v>
      </c>
      <c r="C18" s="26" t="s">
        <v>37</v>
      </c>
      <c r="D18" s="20">
        <v>7.5</v>
      </c>
      <c r="E18" s="20" t="s">
        <v>143</v>
      </c>
      <c r="F18" s="21" t="s">
        <v>170</v>
      </c>
    </row>
    <row r="19" spans="1:21" ht="30" x14ac:dyDescent="0.25">
      <c r="A19" s="11"/>
      <c r="B19" s="20" t="s">
        <v>38</v>
      </c>
      <c r="C19" s="26" t="s">
        <v>39</v>
      </c>
      <c r="D19" s="20">
        <v>7.5</v>
      </c>
      <c r="E19" s="20" t="s">
        <v>144</v>
      </c>
      <c r="F19" s="21" t="s">
        <v>170</v>
      </c>
    </row>
    <row r="20" spans="1:21" ht="30" x14ac:dyDescent="0.25">
      <c r="A20" s="29"/>
      <c r="B20" s="29" t="s">
        <v>40</v>
      </c>
      <c r="C20" s="30" t="s">
        <v>41</v>
      </c>
      <c r="D20" s="29"/>
      <c r="E20" s="29"/>
      <c r="F20" s="29"/>
    </row>
    <row r="21" spans="1:21" ht="30" x14ac:dyDescent="0.25">
      <c r="A21" s="11"/>
      <c r="B21" s="20" t="s">
        <v>42</v>
      </c>
      <c r="C21" s="27" t="s">
        <v>45</v>
      </c>
      <c r="D21" s="20">
        <v>15</v>
      </c>
      <c r="E21" s="20" t="s">
        <v>159</v>
      </c>
      <c r="F21" s="21" t="s">
        <v>170</v>
      </c>
    </row>
    <row r="22" spans="1:21" ht="30" x14ac:dyDescent="0.25">
      <c r="A22" s="11"/>
      <c r="B22" s="20" t="s">
        <v>43</v>
      </c>
      <c r="C22" s="27" t="s">
        <v>44</v>
      </c>
      <c r="D22" s="20">
        <v>4.5</v>
      </c>
      <c r="E22" s="20" t="s">
        <v>155</v>
      </c>
      <c r="F22" s="21" t="s">
        <v>170</v>
      </c>
    </row>
    <row r="23" spans="1:21" ht="36" customHeight="1" x14ac:dyDescent="0.25">
      <c r="A23" s="11"/>
      <c r="B23" s="20" t="s">
        <v>46</v>
      </c>
      <c r="C23" s="27" t="s">
        <v>47</v>
      </c>
      <c r="D23" s="20">
        <v>15</v>
      </c>
      <c r="E23" s="20" t="s">
        <v>124</v>
      </c>
      <c r="F23" s="21" t="s">
        <v>170</v>
      </c>
    </row>
    <row r="24" spans="1:21" ht="30" x14ac:dyDescent="0.25">
      <c r="A24" s="11"/>
      <c r="B24" s="20" t="s">
        <v>48</v>
      </c>
      <c r="C24" s="27" t="s">
        <v>49</v>
      </c>
      <c r="D24" s="20">
        <v>9</v>
      </c>
      <c r="E24" s="20" t="s">
        <v>145</v>
      </c>
      <c r="F24" s="21" t="s">
        <v>170</v>
      </c>
    </row>
    <row r="25" spans="1:21" ht="30" x14ac:dyDescent="0.25">
      <c r="A25" s="11"/>
      <c r="B25" s="20" t="s">
        <v>50</v>
      </c>
      <c r="C25" s="27" t="s">
        <v>51</v>
      </c>
      <c r="D25" s="20">
        <v>9</v>
      </c>
      <c r="E25" s="20" t="s">
        <v>149</v>
      </c>
      <c r="F25" s="21" t="s">
        <v>170</v>
      </c>
    </row>
    <row r="26" spans="1:21" x14ac:dyDescent="0.25">
      <c r="A26" s="16"/>
      <c r="B26" s="16" t="s">
        <v>40</v>
      </c>
      <c r="C26" s="28" t="s">
        <v>52</v>
      </c>
      <c r="D26" s="16"/>
      <c r="E26" s="16"/>
      <c r="F26" s="16"/>
    </row>
    <row r="27" spans="1:21" ht="30" x14ac:dyDescent="0.25">
      <c r="A27" s="11"/>
      <c r="B27" s="20" t="s">
        <v>42</v>
      </c>
      <c r="C27" s="27" t="s">
        <v>45</v>
      </c>
      <c r="D27" s="20">
        <v>15</v>
      </c>
      <c r="E27" s="20" t="s">
        <v>159</v>
      </c>
      <c r="F27" s="21" t="s">
        <v>170</v>
      </c>
    </row>
    <row r="28" spans="1:21" ht="30" x14ac:dyDescent="0.25">
      <c r="A28" s="11"/>
      <c r="B28" s="20" t="s">
        <v>43</v>
      </c>
      <c r="C28" s="27" t="s">
        <v>44</v>
      </c>
      <c r="D28" s="20">
        <v>4.5</v>
      </c>
      <c r="E28" s="20" t="s">
        <v>155</v>
      </c>
      <c r="F28" s="21" t="s">
        <v>170</v>
      </c>
    </row>
    <row r="29" spans="1:21" ht="28.5" customHeight="1" x14ac:dyDescent="0.25">
      <c r="A29" s="11"/>
      <c r="B29" s="20" t="s">
        <v>46</v>
      </c>
      <c r="C29" s="27" t="s">
        <v>47</v>
      </c>
      <c r="D29" s="20">
        <v>15</v>
      </c>
      <c r="E29" s="20" t="s">
        <v>124</v>
      </c>
      <c r="F29" s="21" t="s">
        <v>170</v>
      </c>
    </row>
    <row r="30" spans="1:21" ht="30" x14ac:dyDescent="0.25">
      <c r="A30" s="11"/>
      <c r="B30" s="20" t="s">
        <v>53</v>
      </c>
      <c r="C30" s="27" t="s">
        <v>54</v>
      </c>
      <c r="D30" s="20">
        <v>9</v>
      </c>
      <c r="E30" s="20" t="s">
        <v>146</v>
      </c>
      <c r="F30" s="21" t="s">
        <v>170</v>
      </c>
    </row>
    <row r="31" spans="1:21" ht="30" x14ac:dyDescent="0.25">
      <c r="A31" s="11"/>
      <c r="B31" s="20" t="s">
        <v>55</v>
      </c>
      <c r="C31" s="27" t="s">
        <v>56</v>
      </c>
      <c r="D31" s="20">
        <v>9</v>
      </c>
      <c r="E31" s="20" t="s">
        <v>148</v>
      </c>
      <c r="F31" s="21" t="s">
        <v>170</v>
      </c>
    </row>
    <row r="32" spans="1:21" x14ac:dyDescent="0.25">
      <c r="A32" s="16"/>
      <c r="B32" s="16" t="s">
        <v>40</v>
      </c>
      <c r="C32" s="28" t="s">
        <v>57</v>
      </c>
      <c r="D32" s="16"/>
      <c r="E32" s="16"/>
      <c r="F32" s="16"/>
    </row>
    <row r="33" spans="1:6" ht="30" x14ac:dyDescent="0.25">
      <c r="A33" s="11"/>
      <c r="B33" s="20" t="s">
        <v>42</v>
      </c>
      <c r="C33" s="27" t="s">
        <v>45</v>
      </c>
      <c r="D33" s="20">
        <v>15</v>
      </c>
      <c r="E33" s="20" t="s">
        <v>159</v>
      </c>
      <c r="F33" s="21" t="s">
        <v>170</v>
      </c>
    </row>
    <row r="34" spans="1:6" ht="30" x14ac:dyDescent="0.25">
      <c r="A34" s="11"/>
      <c r="B34" s="20" t="s">
        <v>43</v>
      </c>
      <c r="C34" s="27" t="s">
        <v>44</v>
      </c>
      <c r="D34" s="20">
        <v>4.5</v>
      </c>
      <c r="E34" s="20" t="s">
        <v>155</v>
      </c>
      <c r="F34" s="21" t="s">
        <v>170</v>
      </c>
    </row>
    <row r="35" spans="1:6" ht="30" x14ac:dyDescent="0.25">
      <c r="A35" s="11"/>
      <c r="B35" s="20" t="s">
        <v>46</v>
      </c>
      <c r="C35" s="27" t="s">
        <v>47</v>
      </c>
      <c r="D35" s="20">
        <v>15</v>
      </c>
      <c r="E35" s="20" t="s">
        <v>124</v>
      </c>
      <c r="F35" s="21" t="s">
        <v>170</v>
      </c>
    </row>
    <row r="36" spans="1:6" ht="30" x14ac:dyDescent="0.25">
      <c r="A36" s="11"/>
      <c r="B36" s="20" t="s">
        <v>58</v>
      </c>
      <c r="C36" s="27" t="s">
        <v>59</v>
      </c>
      <c r="D36" s="20">
        <v>9</v>
      </c>
      <c r="E36" s="20" t="s">
        <v>147</v>
      </c>
      <c r="F36" s="21" t="s">
        <v>170</v>
      </c>
    </row>
    <row r="37" spans="1:6" ht="30" x14ac:dyDescent="0.25">
      <c r="A37" s="11"/>
      <c r="B37" s="20" t="s">
        <v>60</v>
      </c>
      <c r="C37" s="27" t="s">
        <v>61</v>
      </c>
      <c r="D37" s="20">
        <v>9</v>
      </c>
      <c r="E37" s="20" t="s">
        <v>150</v>
      </c>
      <c r="F37" s="21" t="s">
        <v>170</v>
      </c>
    </row>
    <row r="38" spans="1:6" x14ac:dyDescent="0.25">
      <c r="A38" s="16"/>
      <c r="B38" s="16" t="s">
        <v>40</v>
      </c>
      <c r="C38" s="28" t="s">
        <v>62</v>
      </c>
      <c r="D38" s="16"/>
      <c r="E38" s="16"/>
      <c r="F38" s="16"/>
    </row>
    <row r="39" spans="1:6" ht="30" x14ac:dyDescent="0.25">
      <c r="A39" s="11"/>
      <c r="B39" s="20" t="s">
        <v>63</v>
      </c>
      <c r="C39" s="27" t="s">
        <v>64</v>
      </c>
      <c r="D39" s="20">
        <v>7.5</v>
      </c>
      <c r="E39" s="20" t="s">
        <v>157</v>
      </c>
      <c r="F39" s="21" t="s">
        <v>170</v>
      </c>
    </row>
    <row r="40" spans="1:6" ht="30" x14ac:dyDescent="0.25">
      <c r="A40" s="11"/>
      <c r="B40" s="20" t="s">
        <v>65</v>
      </c>
      <c r="C40" s="27" t="s">
        <v>66</v>
      </c>
      <c r="D40" s="20">
        <v>4.5</v>
      </c>
      <c r="E40" s="20" t="s">
        <v>165</v>
      </c>
      <c r="F40" s="21" t="s">
        <v>170</v>
      </c>
    </row>
    <row r="41" spans="1:6" ht="30" x14ac:dyDescent="0.25">
      <c r="A41" s="11"/>
      <c r="B41" s="20" t="s">
        <v>67</v>
      </c>
      <c r="C41" s="27" t="s">
        <v>68</v>
      </c>
      <c r="D41" s="20">
        <v>7.5</v>
      </c>
      <c r="E41" s="20" t="s">
        <v>151</v>
      </c>
      <c r="F41" s="21" t="s">
        <v>170</v>
      </c>
    </row>
    <row r="42" spans="1:6" ht="30" x14ac:dyDescent="0.25">
      <c r="A42" s="11"/>
      <c r="B42" s="20" t="s">
        <v>69</v>
      </c>
      <c r="C42" s="27" t="s">
        <v>70</v>
      </c>
      <c r="D42" s="20">
        <v>10.5</v>
      </c>
      <c r="E42" s="20" t="s">
        <v>152</v>
      </c>
      <c r="F42" s="21" t="s">
        <v>170</v>
      </c>
    </row>
    <row r="43" spans="1:6" ht="30" x14ac:dyDescent="0.25">
      <c r="A43" s="11"/>
      <c r="B43" s="20" t="s">
        <v>71</v>
      </c>
      <c r="C43" s="27" t="s">
        <v>72</v>
      </c>
      <c r="D43" s="20">
        <v>12</v>
      </c>
      <c r="E43" s="20" t="s">
        <v>153</v>
      </c>
      <c r="F43" s="21" t="s">
        <v>170</v>
      </c>
    </row>
    <row r="44" spans="1:6" ht="30" x14ac:dyDescent="0.25">
      <c r="A44" s="11"/>
      <c r="B44" s="20" t="s">
        <v>73</v>
      </c>
      <c r="C44" s="27" t="s">
        <v>74</v>
      </c>
      <c r="D44" s="20">
        <v>10.5</v>
      </c>
      <c r="E44" s="22" t="s">
        <v>125</v>
      </c>
      <c r="F44" s="21" t="s">
        <v>170</v>
      </c>
    </row>
    <row r="45" spans="1:6" ht="45" x14ac:dyDescent="0.25">
      <c r="A45" s="10" t="s">
        <v>75</v>
      </c>
      <c r="B45" s="11" t="s">
        <v>76</v>
      </c>
      <c r="C45" s="25" t="s">
        <v>78</v>
      </c>
      <c r="D45" s="11">
        <v>7.5</v>
      </c>
      <c r="E45" s="11" t="s">
        <v>141</v>
      </c>
      <c r="F45" s="12" t="s">
        <v>171</v>
      </c>
    </row>
    <row r="46" spans="1:6" ht="45" x14ac:dyDescent="0.25">
      <c r="A46" s="11"/>
      <c r="B46" s="11" t="s">
        <v>77</v>
      </c>
      <c r="C46" s="25" t="s">
        <v>81</v>
      </c>
      <c r="D46" s="11">
        <v>15</v>
      </c>
      <c r="E46" s="4" t="s">
        <v>139</v>
      </c>
      <c r="F46" s="12" t="s">
        <v>171</v>
      </c>
    </row>
    <row r="47" spans="1:6" ht="45" x14ac:dyDescent="0.25">
      <c r="A47" s="11"/>
      <c r="B47" s="11" t="s">
        <v>79</v>
      </c>
      <c r="C47" s="25" t="s">
        <v>80</v>
      </c>
      <c r="D47" s="11">
        <v>7.5</v>
      </c>
      <c r="E47" s="5" t="s">
        <v>140</v>
      </c>
      <c r="F47" s="12" t="s">
        <v>171</v>
      </c>
    </row>
  </sheetData>
  <autoFilter ref="E1:E47"/>
  <mergeCells count="1">
    <mergeCell ref="H2:N2"/>
  </mergeCells>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25"/>
  <sheetViews>
    <sheetView zoomScale="95" zoomScaleNormal="95" workbookViewId="0">
      <pane xSplit="4" ySplit="1" topLeftCell="E5" activePane="bottomRight" state="frozen"/>
      <selection pane="topRight" activeCell="E1" sqref="E1"/>
      <selection pane="bottomLeft" activeCell="A2" sqref="A2"/>
      <selection pane="bottomRight" activeCell="F1" sqref="F1"/>
    </sheetView>
  </sheetViews>
  <sheetFormatPr defaultColWidth="9.140625" defaultRowHeight="15" x14ac:dyDescent="0.25"/>
  <cols>
    <col min="1" max="2" width="9.140625" style="2"/>
    <col min="3" max="3" width="52.5703125" style="2" bestFit="1" customWidth="1"/>
    <col min="4" max="4" width="9.140625" style="2"/>
    <col min="5" max="5" width="30.7109375" style="1" customWidth="1"/>
    <col min="6" max="6" width="38.7109375" style="1" customWidth="1"/>
    <col min="7" max="22" width="9.140625" style="1"/>
    <col min="23" max="16384" width="9.140625" style="2"/>
  </cols>
  <sheetData>
    <row r="1" spans="1:14" ht="45" x14ac:dyDescent="0.25">
      <c r="A1" s="6"/>
      <c r="B1" s="7" t="s">
        <v>82</v>
      </c>
      <c r="C1" s="8"/>
      <c r="D1" s="9" t="s">
        <v>112</v>
      </c>
      <c r="E1" s="19" t="s">
        <v>174</v>
      </c>
      <c r="F1" s="13" t="s">
        <v>179</v>
      </c>
    </row>
    <row r="2" spans="1:14" ht="94.9" customHeight="1" x14ac:dyDescent="0.25">
      <c r="A2" s="10" t="s">
        <v>1</v>
      </c>
      <c r="B2" s="11" t="s">
        <v>2</v>
      </c>
      <c r="C2" s="11" t="s">
        <v>3</v>
      </c>
      <c r="D2" s="11">
        <v>7.5</v>
      </c>
      <c r="E2" s="4" t="s">
        <v>128</v>
      </c>
      <c r="F2" s="17" t="s">
        <v>173</v>
      </c>
      <c r="H2" s="40" t="s">
        <v>175</v>
      </c>
      <c r="I2" s="40"/>
      <c r="J2" s="40"/>
      <c r="K2" s="40"/>
      <c r="L2" s="40"/>
      <c r="M2" s="40"/>
      <c r="N2" s="40"/>
    </row>
    <row r="3" spans="1:14" ht="30" x14ac:dyDescent="0.25">
      <c r="A3" s="11"/>
      <c r="B3" s="11" t="s">
        <v>6</v>
      </c>
      <c r="C3" s="11" t="s">
        <v>7</v>
      </c>
      <c r="D3" s="11">
        <v>7.5</v>
      </c>
      <c r="E3" s="11" t="s">
        <v>130</v>
      </c>
      <c r="F3" s="17" t="s">
        <v>173</v>
      </c>
    </row>
    <row r="4" spans="1:14" ht="30" x14ac:dyDescent="0.25">
      <c r="A4" s="11"/>
      <c r="B4" s="11" t="s">
        <v>10</v>
      </c>
      <c r="C4" s="11" t="s">
        <v>11</v>
      </c>
      <c r="D4" s="11">
        <v>7.5</v>
      </c>
      <c r="E4" s="11" t="s">
        <v>121</v>
      </c>
      <c r="F4" s="17" t="s">
        <v>173</v>
      </c>
    </row>
    <row r="5" spans="1:14" ht="30" x14ac:dyDescent="0.25">
      <c r="A5" s="11"/>
      <c r="B5" s="11" t="s">
        <v>12</v>
      </c>
      <c r="C5" s="11" t="s">
        <v>13</v>
      </c>
      <c r="D5" s="11">
        <v>15</v>
      </c>
      <c r="E5" s="31" t="s">
        <v>164</v>
      </c>
      <c r="F5" s="17" t="s">
        <v>173</v>
      </c>
    </row>
    <row r="6" spans="1:14" ht="30" x14ac:dyDescent="0.25">
      <c r="A6" s="10" t="s">
        <v>14</v>
      </c>
      <c r="B6" s="20" t="s">
        <v>15</v>
      </c>
      <c r="C6" s="20" t="s">
        <v>16</v>
      </c>
      <c r="D6" s="20">
        <v>7.5</v>
      </c>
      <c r="E6" s="21" t="s">
        <v>122</v>
      </c>
      <c r="F6" s="20" t="s">
        <v>168</v>
      </c>
    </row>
    <row r="7" spans="1:14" x14ac:dyDescent="0.25">
      <c r="A7" s="11"/>
      <c r="B7" s="20" t="s">
        <v>17</v>
      </c>
      <c r="C7" s="20" t="s">
        <v>18</v>
      </c>
      <c r="D7" s="20">
        <v>7.5</v>
      </c>
      <c r="E7" s="22" t="s">
        <v>123</v>
      </c>
      <c r="F7" s="20" t="s">
        <v>168</v>
      </c>
    </row>
    <row r="8" spans="1:14" x14ac:dyDescent="0.25">
      <c r="A8" s="11"/>
      <c r="B8" s="20" t="s">
        <v>19</v>
      </c>
      <c r="C8" s="20" t="s">
        <v>20</v>
      </c>
      <c r="D8" s="20">
        <v>7.5</v>
      </c>
      <c r="E8" s="20" t="s">
        <v>132</v>
      </c>
      <c r="F8" s="20" t="s">
        <v>168</v>
      </c>
    </row>
    <row r="9" spans="1:14" x14ac:dyDescent="0.25">
      <c r="A9" s="10" t="s">
        <v>21</v>
      </c>
      <c r="B9" s="11" t="s">
        <v>24</v>
      </c>
      <c r="C9" s="11" t="s">
        <v>25</v>
      </c>
      <c r="D9" s="11">
        <v>7.5</v>
      </c>
      <c r="E9" s="11" t="s">
        <v>137</v>
      </c>
      <c r="F9" s="13" t="s">
        <v>169</v>
      </c>
    </row>
    <row r="10" spans="1:14" x14ac:dyDescent="0.25">
      <c r="A10" s="11"/>
      <c r="B10" s="11" t="s">
        <v>28</v>
      </c>
      <c r="C10" s="11" t="s">
        <v>29</v>
      </c>
      <c r="D10" s="11">
        <v>7.5</v>
      </c>
      <c r="E10" s="4" t="s">
        <v>134</v>
      </c>
      <c r="F10" s="13" t="s">
        <v>169</v>
      </c>
    </row>
    <row r="11" spans="1:14" x14ac:dyDescent="0.25">
      <c r="A11" s="11"/>
      <c r="B11" s="11" t="s">
        <v>30</v>
      </c>
      <c r="C11" s="11" t="s">
        <v>31</v>
      </c>
      <c r="D11" s="11">
        <v>7.5</v>
      </c>
      <c r="E11" s="4" t="s">
        <v>138</v>
      </c>
      <c r="F11" s="13" t="s">
        <v>169</v>
      </c>
    </row>
    <row r="12" spans="1:14" x14ac:dyDescent="0.25">
      <c r="A12" s="11"/>
      <c r="B12" s="11" t="s">
        <v>32</v>
      </c>
      <c r="C12" s="11" t="s">
        <v>33</v>
      </c>
      <c r="D12" s="11">
        <v>7.5</v>
      </c>
      <c r="E12" s="4" t="s">
        <v>133</v>
      </c>
      <c r="F12" s="13" t="s">
        <v>169</v>
      </c>
    </row>
    <row r="13" spans="1:14" ht="30" x14ac:dyDescent="0.25">
      <c r="A13" s="15" t="s">
        <v>117</v>
      </c>
      <c r="B13" s="20" t="s">
        <v>36</v>
      </c>
      <c r="C13" s="21" t="s">
        <v>37</v>
      </c>
      <c r="D13" s="20">
        <v>7.5</v>
      </c>
      <c r="E13" s="20" t="s">
        <v>143</v>
      </c>
      <c r="F13" s="27" t="s">
        <v>170</v>
      </c>
    </row>
    <row r="14" spans="1:14" x14ac:dyDescent="0.25">
      <c r="A14" s="16"/>
      <c r="B14" s="16" t="s">
        <v>40</v>
      </c>
      <c r="C14" s="17" t="s">
        <v>83</v>
      </c>
      <c r="D14" s="16"/>
      <c r="E14" s="16"/>
      <c r="F14" s="16"/>
    </row>
    <row r="15" spans="1:14" ht="30" x14ac:dyDescent="0.25">
      <c r="A15" s="11"/>
      <c r="B15" s="20" t="s">
        <v>116</v>
      </c>
      <c r="C15" s="21" t="s">
        <v>84</v>
      </c>
      <c r="D15" s="20">
        <v>5</v>
      </c>
      <c r="E15" s="21" t="s">
        <v>126</v>
      </c>
      <c r="F15" s="27" t="s">
        <v>170</v>
      </c>
    </row>
    <row r="16" spans="1:14" ht="30" x14ac:dyDescent="0.25">
      <c r="A16" s="11"/>
      <c r="B16" s="20" t="s">
        <v>116</v>
      </c>
      <c r="C16" s="21" t="s">
        <v>85</v>
      </c>
      <c r="D16" s="20">
        <v>5</v>
      </c>
      <c r="E16" s="21" t="s">
        <v>126</v>
      </c>
      <c r="F16" s="27" t="s">
        <v>170</v>
      </c>
    </row>
    <row r="17" spans="1:6" ht="30" x14ac:dyDescent="0.25">
      <c r="A17" s="11"/>
      <c r="B17" s="20" t="s">
        <v>116</v>
      </c>
      <c r="C17" s="21" t="s">
        <v>86</v>
      </c>
      <c r="D17" s="20">
        <v>7.5</v>
      </c>
      <c r="E17" s="21" t="s">
        <v>126</v>
      </c>
      <c r="F17" s="27" t="s">
        <v>170</v>
      </c>
    </row>
    <row r="18" spans="1:6" ht="30" x14ac:dyDescent="0.25">
      <c r="A18" s="11"/>
      <c r="B18" s="20" t="s">
        <v>116</v>
      </c>
      <c r="C18" s="21" t="s">
        <v>87</v>
      </c>
      <c r="D18" s="20">
        <v>5</v>
      </c>
      <c r="E18" s="21" t="s">
        <v>126</v>
      </c>
      <c r="F18" s="27" t="s">
        <v>170</v>
      </c>
    </row>
    <row r="19" spans="1:6" ht="30" x14ac:dyDescent="0.25">
      <c r="A19" s="11"/>
      <c r="B19" s="20" t="s">
        <v>116</v>
      </c>
      <c r="C19" s="21" t="s">
        <v>88</v>
      </c>
      <c r="D19" s="20">
        <v>7.5</v>
      </c>
      <c r="E19" s="21" t="s">
        <v>126</v>
      </c>
      <c r="F19" s="27" t="s">
        <v>170</v>
      </c>
    </row>
    <row r="20" spans="1:6" ht="30" x14ac:dyDescent="0.25">
      <c r="A20" s="11"/>
      <c r="B20" s="20" t="s">
        <v>116</v>
      </c>
      <c r="C20" s="21" t="s">
        <v>89</v>
      </c>
      <c r="D20" s="20">
        <v>5.5</v>
      </c>
      <c r="E20" s="21" t="s">
        <v>126</v>
      </c>
      <c r="F20" s="27" t="s">
        <v>170</v>
      </c>
    </row>
    <row r="21" spans="1:6" ht="30" x14ac:dyDescent="0.25">
      <c r="A21" s="11"/>
      <c r="B21" s="20" t="s">
        <v>113</v>
      </c>
      <c r="C21" s="21" t="s">
        <v>114</v>
      </c>
      <c r="D21" s="20">
        <v>9</v>
      </c>
      <c r="E21" s="20" t="s">
        <v>154</v>
      </c>
      <c r="F21" s="27" t="s">
        <v>170</v>
      </c>
    </row>
    <row r="22" spans="1:6" ht="30" x14ac:dyDescent="0.25">
      <c r="A22" s="11"/>
      <c r="B22" s="20" t="s">
        <v>119</v>
      </c>
      <c r="C22" s="21" t="s">
        <v>115</v>
      </c>
      <c r="D22" s="20">
        <v>8</v>
      </c>
      <c r="E22" s="22" t="s">
        <v>127</v>
      </c>
      <c r="F22" s="27" t="s">
        <v>170</v>
      </c>
    </row>
    <row r="23" spans="1:6" ht="45" x14ac:dyDescent="0.25">
      <c r="A23" s="10" t="s">
        <v>75</v>
      </c>
      <c r="B23" s="11" t="s">
        <v>76</v>
      </c>
      <c r="C23" s="14" t="s">
        <v>78</v>
      </c>
      <c r="D23" s="11">
        <v>7.5</v>
      </c>
      <c r="E23" s="11" t="s">
        <v>141</v>
      </c>
      <c r="F23" s="12" t="s">
        <v>171</v>
      </c>
    </row>
    <row r="24" spans="1:6" ht="45" x14ac:dyDescent="0.25">
      <c r="A24" s="11"/>
      <c r="B24" s="11" t="s">
        <v>77</v>
      </c>
      <c r="C24" s="14" t="s">
        <v>81</v>
      </c>
      <c r="D24" s="11">
        <v>15</v>
      </c>
      <c r="E24" s="4" t="s">
        <v>139</v>
      </c>
      <c r="F24" s="12" t="s">
        <v>171</v>
      </c>
    </row>
    <row r="25" spans="1:6" ht="45" x14ac:dyDescent="0.25">
      <c r="A25" s="11"/>
      <c r="B25" s="11" t="s">
        <v>79</v>
      </c>
      <c r="C25" s="14" t="s">
        <v>80</v>
      </c>
      <c r="D25" s="11">
        <v>7.5</v>
      </c>
      <c r="E25" s="5" t="s">
        <v>140</v>
      </c>
      <c r="F25" s="12" t="s">
        <v>171</v>
      </c>
    </row>
  </sheetData>
  <autoFilter ref="E1:E25"/>
  <mergeCells count="1">
    <mergeCell ref="H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32"/>
  <sheetViews>
    <sheetView tabSelected="1" zoomScale="98" zoomScaleNormal="98" workbookViewId="0">
      <pane xSplit="4" ySplit="1" topLeftCell="E2" activePane="bottomRight" state="frozen"/>
      <selection pane="topRight" activeCell="E1" sqref="E1"/>
      <selection pane="bottomLeft" activeCell="A2" sqref="A2"/>
      <selection pane="bottomRight" activeCell="I7" sqref="I7"/>
    </sheetView>
  </sheetViews>
  <sheetFormatPr defaultColWidth="9.140625" defaultRowHeight="15" x14ac:dyDescent="0.25"/>
  <cols>
    <col min="1" max="2" width="9.140625" style="2"/>
    <col min="3" max="3" width="52.5703125" style="23" bestFit="1" customWidth="1"/>
    <col min="4" max="4" width="9.140625" style="2"/>
    <col min="5" max="5" width="30.7109375" style="2" customWidth="1"/>
    <col min="6" max="6" width="36.85546875" style="1" customWidth="1"/>
    <col min="7" max="7" width="23.5703125" style="13" bestFit="1" customWidth="1"/>
    <col min="8" max="23" width="9.140625" style="1"/>
    <col min="24" max="16384" width="9.140625" style="2"/>
  </cols>
  <sheetData>
    <row r="1" spans="1:22" ht="45" x14ac:dyDescent="0.25">
      <c r="A1" s="6"/>
      <c r="B1" s="7" t="s">
        <v>120</v>
      </c>
      <c r="C1" s="19"/>
      <c r="D1" s="9" t="s">
        <v>112</v>
      </c>
      <c r="E1" s="19" t="s">
        <v>174</v>
      </c>
      <c r="F1" s="38" t="s">
        <v>179</v>
      </c>
      <c r="G1" s="13" t="s">
        <v>167</v>
      </c>
    </row>
    <row r="2" spans="1:22" ht="85.9" customHeight="1" x14ac:dyDescent="0.25">
      <c r="A2" s="10" t="s">
        <v>1</v>
      </c>
      <c r="B2" s="11" t="s">
        <v>2</v>
      </c>
      <c r="C2" s="14" t="s">
        <v>3</v>
      </c>
      <c r="D2" s="11">
        <v>7.5</v>
      </c>
      <c r="E2" s="36"/>
      <c r="F2" s="28" t="s">
        <v>173</v>
      </c>
      <c r="H2" s="40" t="s">
        <v>175</v>
      </c>
      <c r="I2" s="40"/>
      <c r="J2" s="40"/>
      <c r="K2" s="40"/>
      <c r="L2" s="40"/>
      <c r="M2" s="40"/>
      <c r="N2" s="40"/>
    </row>
    <row r="3" spans="1:22" ht="30" x14ac:dyDescent="0.25">
      <c r="A3" s="11"/>
      <c r="B3" s="11" t="s">
        <v>4</v>
      </c>
      <c r="C3" s="14" t="s">
        <v>5</v>
      </c>
      <c r="D3" s="11">
        <v>7.5</v>
      </c>
      <c r="E3" s="36"/>
      <c r="F3" s="28" t="s">
        <v>173</v>
      </c>
    </row>
    <row r="4" spans="1:22" ht="30" x14ac:dyDescent="0.25">
      <c r="A4" s="11"/>
      <c r="B4" s="11" t="s">
        <v>6</v>
      </c>
      <c r="C4" s="14" t="s">
        <v>7</v>
      </c>
      <c r="D4" s="11">
        <v>7.5</v>
      </c>
      <c r="E4" s="34"/>
      <c r="F4" s="28" t="s">
        <v>173</v>
      </c>
    </row>
    <row r="5" spans="1:22" ht="30" x14ac:dyDescent="0.25">
      <c r="A5" s="11"/>
      <c r="B5" s="11" t="s">
        <v>8</v>
      </c>
      <c r="C5" s="14" t="s">
        <v>9</v>
      </c>
      <c r="D5" s="11">
        <v>7.5</v>
      </c>
      <c r="E5" s="36"/>
      <c r="F5" s="28" t="s">
        <v>173</v>
      </c>
    </row>
    <row r="6" spans="1:22" ht="30" x14ac:dyDescent="0.25">
      <c r="A6" s="11"/>
      <c r="B6" s="11" t="s">
        <v>10</v>
      </c>
      <c r="C6" s="14" t="s">
        <v>11</v>
      </c>
      <c r="D6" s="11">
        <v>7.5</v>
      </c>
      <c r="E6" s="34"/>
      <c r="F6" s="28" t="s">
        <v>173</v>
      </c>
    </row>
    <row r="7" spans="1:22" ht="30" x14ac:dyDescent="0.25">
      <c r="A7" s="11"/>
      <c r="B7" s="11" t="s">
        <v>90</v>
      </c>
      <c r="C7" s="14" t="s">
        <v>91</v>
      </c>
      <c r="D7" s="11">
        <v>15</v>
      </c>
      <c r="E7" s="34"/>
      <c r="F7" s="28" t="s">
        <v>173</v>
      </c>
    </row>
    <row r="8" spans="1:22" ht="30" x14ac:dyDescent="0.25">
      <c r="A8" s="10" t="s">
        <v>14</v>
      </c>
      <c r="B8" s="20" t="s">
        <v>15</v>
      </c>
      <c r="C8" s="21" t="s">
        <v>16</v>
      </c>
      <c r="D8" s="20">
        <v>7.5</v>
      </c>
      <c r="E8" s="27" t="s">
        <v>122</v>
      </c>
      <c r="F8" s="26" t="s">
        <v>168</v>
      </c>
    </row>
    <row r="9" spans="1:22" x14ac:dyDescent="0.25">
      <c r="A9" s="11"/>
      <c r="B9" s="20" t="s">
        <v>17</v>
      </c>
      <c r="C9" s="21" t="s">
        <v>18</v>
      </c>
      <c r="D9" s="20">
        <v>7.5</v>
      </c>
      <c r="E9" s="33" t="s">
        <v>123</v>
      </c>
      <c r="F9" s="26" t="s">
        <v>168</v>
      </c>
    </row>
    <row r="10" spans="1:22" x14ac:dyDescent="0.25">
      <c r="A10" s="11"/>
      <c r="B10" s="20" t="s">
        <v>19</v>
      </c>
      <c r="C10" s="21" t="s">
        <v>20</v>
      </c>
      <c r="D10" s="20">
        <v>7.5</v>
      </c>
      <c r="E10" s="26" t="s">
        <v>132</v>
      </c>
      <c r="F10" s="26" t="s">
        <v>168</v>
      </c>
    </row>
    <row r="11" spans="1:22" x14ac:dyDescent="0.25">
      <c r="A11" s="10" t="s">
        <v>21</v>
      </c>
      <c r="B11" s="11" t="s">
        <v>26</v>
      </c>
      <c r="C11" s="14" t="s">
        <v>27</v>
      </c>
      <c r="D11" s="11">
        <v>7.5</v>
      </c>
      <c r="E11" s="32" t="s">
        <v>135</v>
      </c>
      <c r="F11" s="38" t="s">
        <v>169</v>
      </c>
    </row>
    <row r="12" spans="1:22" x14ac:dyDescent="0.25">
      <c r="A12" s="11"/>
      <c r="B12" s="11" t="s">
        <v>22</v>
      </c>
      <c r="C12" s="14" t="s">
        <v>23</v>
      </c>
      <c r="D12" s="11">
        <v>7.5</v>
      </c>
      <c r="E12" s="32" t="s">
        <v>136</v>
      </c>
      <c r="F12" s="38" t="s">
        <v>169</v>
      </c>
    </row>
    <row r="13" spans="1:22" ht="30" x14ac:dyDescent="0.25">
      <c r="A13" s="11"/>
      <c r="B13" s="11" t="s">
        <v>92</v>
      </c>
      <c r="C13" s="14" t="s">
        <v>93</v>
      </c>
      <c r="D13" s="11">
        <v>7.5</v>
      </c>
      <c r="E13" s="41" t="s">
        <v>180</v>
      </c>
      <c r="F13" s="39" t="s">
        <v>176</v>
      </c>
      <c r="G13" s="13" t="s">
        <v>177</v>
      </c>
    </row>
    <row r="14" spans="1:22" x14ac:dyDescent="0.25">
      <c r="A14" s="11"/>
      <c r="B14" s="11" t="s">
        <v>94</v>
      </c>
      <c r="C14" s="14" t="s">
        <v>95</v>
      </c>
      <c r="D14" s="11">
        <v>7.5</v>
      </c>
      <c r="E14" s="24" t="s">
        <v>158</v>
      </c>
      <c r="F14" s="38" t="s">
        <v>169</v>
      </c>
    </row>
    <row r="15" spans="1:22" x14ac:dyDescent="0.25">
      <c r="A15" s="11"/>
      <c r="B15" s="11" t="s">
        <v>96</v>
      </c>
      <c r="C15" s="14" t="s">
        <v>97</v>
      </c>
      <c r="D15" s="11">
        <v>7.5</v>
      </c>
      <c r="E15" s="31" t="s">
        <v>162</v>
      </c>
      <c r="F15" s="38" t="s">
        <v>169</v>
      </c>
    </row>
    <row r="16" spans="1:22" ht="30" x14ac:dyDescent="0.25">
      <c r="A16" s="15" t="s">
        <v>117</v>
      </c>
      <c r="B16" s="20" t="s">
        <v>34</v>
      </c>
      <c r="C16" s="21" t="s">
        <v>35</v>
      </c>
      <c r="D16" s="20">
        <v>7.5</v>
      </c>
      <c r="E16" s="26" t="s">
        <v>142</v>
      </c>
      <c r="F16" s="27" t="s">
        <v>170</v>
      </c>
      <c r="H16" s="3"/>
      <c r="J16" s="3"/>
      <c r="L16" s="3"/>
      <c r="N16" s="3"/>
      <c r="P16" s="3"/>
      <c r="R16" s="3"/>
      <c r="T16" s="3"/>
      <c r="V16" s="3"/>
    </row>
    <row r="17" spans="1:7" ht="30" x14ac:dyDescent="0.25">
      <c r="A17" s="11"/>
      <c r="B17" s="20" t="s">
        <v>38</v>
      </c>
      <c r="C17" s="21" t="s">
        <v>39</v>
      </c>
      <c r="D17" s="20">
        <v>7.5</v>
      </c>
      <c r="E17" s="26" t="s">
        <v>144</v>
      </c>
      <c r="F17" s="27" t="s">
        <v>170</v>
      </c>
    </row>
    <row r="18" spans="1:7" x14ac:dyDescent="0.25">
      <c r="A18" s="16"/>
      <c r="B18" s="16" t="s">
        <v>40</v>
      </c>
      <c r="C18" s="17" t="s">
        <v>98</v>
      </c>
      <c r="D18" s="16"/>
      <c r="E18" s="34"/>
      <c r="F18" s="34"/>
    </row>
    <row r="19" spans="1:7" ht="30" x14ac:dyDescent="0.25">
      <c r="A19" s="11"/>
      <c r="B19" s="20" t="s">
        <v>99</v>
      </c>
      <c r="C19" s="21" t="s">
        <v>100</v>
      </c>
      <c r="D19" s="20">
        <v>15</v>
      </c>
      <c r="E19" s="26" t="s">
        <v>160</v>
      </c>
      <c r="F19" s="27" t="s">
        <v>170</v>
      </c>
    </row>
    <row r="20" spans="1:7" ht="30" x14ac:dyDescent="0.25">
      <c r="A20" s="11"/>
      <c r="B20" s="20" t="s">
        <v>43</v>
      </c>
      <c r="C20" s="21" t="s">
        <v>44</v>
      </c>
      <c r="D20" s="20">
        <v>4.5</v>
      </c>
      <c r="E20" s="26" t="s">
        <v>155</v>
      </c>
      <c r="F20" s="27" t="s">
        <v>170</v>
      </c>
    </row>
    <row r="21" spans="1:7" ht="34.5" customHeight="1" x14ac:dyDescent="0.25">
      <c r="A21" s="11"/>
      <c r="B21" s="20" t="s">
        <v>46</v>
      </c>
      <c r="C21" s="21" t="s">
        <v>47</v>
      </c>
      <c r="D21" s="20">
        <v>15</v>
      </c>
      <c r="E21" s="26" t="s">
        <v>124</v>
      </c>
      <c r="F21" s="27" t="s">
        <v>170</v>
      </c>
    </row>
    <row r="22" spans="1:7" ht="30" x14ac:dyDescent="0.25">
      <c r="A22" s="11"/>
      <c r="B22" s="20" t="s">
        <v>101</v>
      </c>
      <c r="C22" s="21" t="s">
        <v>102</v>
      </c>
      <c r="D22" s="20">
        <v>9</v>
      </c>
      <c r="E22" s="26" t="s">
        <v>161</v>
      </c>
      <c r="F22" s="27" t="s">
        <v>170</v>
      </c>
    </row>
    <row r="23" spans="1:7" ht="30" x14ac:dyDescent="0.25">
      <c r="A23" s="11"/>
      <c r="B23" s="21" t="s">
        <v>48</v>
      </c>
      <c r="C23" s="21" t="s">
        <v>49</v>
      </c>
      <c r="D23" s="20">
        <v>9</v>
      </c>
      <c r="E23" s="26" t="s">
        <v>145</v>
      </c>
      <c r="F23" s="27" t="s">
        <v>170</v>
      </c>
    </row>
    <row r="24" spans="1:7" ht="30" x14ac:dyDescent="0.25">
      <c r="A24" s="16"/>
      <c r="B24" s="16"/>
      <c r="C24" s="17" t="s">
        <v>103</v>
      </c>
      <c r="D24" s="16"/>
      <c r="E24" s="34"/>
      <c r="F24" s="34"/>
    </row>
    <row r="25" spans="1:7" ht="30" x14ac:dyDescent="0.25">
      <c r="A25" s="11"/>
      <c r="B25" s="20" t="s">
        <v>99</v>
      </c>
      <c r="C25" s="21" t="s">
        <v>100</v>
      </c>
      <c r="D25" s="20">
        <v>15</v>
      </c>
      <c r="E25" s="26" t="s">
        <v>160</v>
      </c>
      <c r="F25" s="27" t="s">
        <v>170</v>
      </c>
    </row>
    <row r="26" spans="1:7" ht="30" x14ac:dyDescent="0.25">
      <c r="A26" s="11"/>
      <c r="B26" s="20" t="s">
        <v>43</v>
      </c>
      <c r="C26" s="21" t="s">
        <v>44</v>
      </c>
      <c r="D26" s="20">
        <v>4.5</v>
      </c>
      <c r="E26" s="26" t="s">
        <v>155</v>
      </c>
      <c r="F26" s="27" t="s">
        <v>170</v>
      </c>
    </row>
    <row r="27" spans="1:7" ht="34.5" customHeight="1" x14ac:dyDescent="0.25">
      <c r="A27" s="11"/>
      <c r="B27" s="20" t="s">
        <v>46</v>
      </c>
      <c r="C27" s="21" t="s">
        <v>47</v>
      </c>
      <c r="D27" s="20">
        <v>15</v>
      </c>
      <c r="E27" s="26" t="s">
        <v>124</v>
      </c>
      <c r="F27" s="27" t="s">
        <v>170</v>
      </c>
    </row>
    <row r="28" spans="1:7" ht="30" x14ac:dyDescent="0.25">
      <c r="A28" s="11"/>
      <c r="B28" s="20" t="s">
        <v>48</v>
      </c>
      <c r="C28" s="21" t="s">
        <v>49</v>
      </c>
      <c r="D28" s="20">
        <v>9</v>
      </c>
      <c r="E28" s="26" t="s">
        <v>145</v>
      </c>
      <c r="F28" s="27" t="s">
        <v>170</v>
      </c>
    </row>
    <row r="29" spans="1:7" ht="30" x14ac:dyDescent="0.25">
      <c r="A29" s="11"/>
      <c r="B29" s="20" t="s">
        <v>104</v>
      </c>
      <c r="C29" s="21" t="s">
        <v>105</v>
      </c>
      <c r="D29" s="20">
        <v>9</v>
      </c>
      <c r="E29" s="26" t="s">
        <v>166</v>
      </c>
      <c r="F29" s="27" t="s">
        <v>170</v>
      </c>
    </row>
    <row r="30" spans="1:7" ht="60" x14ac:dyDescent="0.25">
      <c r="A30" s="10" t="s">
        <v>75</v>
      </c>
      <c r="B30" s="11" t="s">
        <v>106</v>
      </c>
      <c r="C30" s="14" t="s">
        <v>107</v>
      </c>
      <c r="D30" s="11">
        <v>7.5</v>
      </c>
      <c r="E30" s="39" t="s">
        <v>181</v>
      </c>
      <c r="F30" s="39" t="s">
        <v>178</v>
      </c>
      <c r="G30" s="13" t="s">
        <v>177</v>
      </c>
    </row>
    <row r="31" spans="1:7" ht="45" x14ac:dyDescent="0.25">
      <c r="A31" s="11"/>
      <c r="B31" s="11" t="s">
        <v>108</v>
      </c>
      <c r="C31" s="14" t="s">
        <v>109</v>
      </c>
      <c r="D31" s="18">
        <v>15</v>
      </c>
      <c r="E31" s="31" t="s">
        <v>163</v>
      </c>
      <c r="F31" s="39" t="s">
        <v>171</v>
      </c>
    </row>
    <row r="32" spans="1:7" ht="45" x14ac:dyDescent="0.25">
      <c r="A32" s="11"/>
      <c r="B32" s="11" t="s">
        <v>110</v>
      </c>
      <c r="C32" s="14" t="s">
        <v>111</v>
      </c>
      <c r="D32" s="18">
        <v>7.5</v>
      </c>
      <c r="E32" s="35" t="s">
        <v>156</v>
      </c>
      <c r="F32" s="39" t="s">
        <v>172</v>
      </c>
    </row>
  </sheetData>
  <autoFilter ref="A1:F32"/>
  <mergeCells count="1">
    <mergeCell ref="H2:N2"/>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Kalkylblad</vt:lpstr>
      </vt:variant>
      <vt:variant>
        <vt:i4>3</vt:i4>
      </vt:variant>
    </vt:vector>
  </HeadingPairs>
  <TitlesOfParts>
    <vt:vector size="3" baseType="lpstr">
      <vt:lpstr>Krigsvetenskaplig inriktning</vt:lpstr>
      <vt:lpstr>Nautisk inriktning</vt:lpstr>
      <vt:lpstr>Militärteknisk inriktning</vt:lpstr>
    </vt:vector>
  </TitlesOfParts>
  <Company>Försvarshögskola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ydberg Daniel</dc:creator>
  <cp:lastModifiedBy>Mildenberger Christer</cp:lastModifiedBy>
  <dcterms:created xsi:type="dcterms:W3CDTF">2021-03-30T08:38:23Z</dcterms:created>
  <dcterms:modified xsi:type="dcterms:W3CDTF">2022-08-30T14:32:23Z</dcterms:modified>
</cp:coreProperties>
</file>